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4"/>
  </p:notesMasterIdLst>
  <p:sldIdLst>
    <p:sldId id="278" r:id="rId2"/>
    <p:sldId id="93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CFC857A-C203-4C74-8826-5B37F8EB4432}" v="425" dt="2019-10-18T13:11:21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93" d="100"/>
          <a:sy n="93" d="100"/>
        </p:scale>
        <p:origin x="66" y="70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10/30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721613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67209"/>
            <a:ext cx="111252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8509"/>
            <a:ext cx="111252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56199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91199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1725609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367209"/>
            <a:ext cx="825500" cy="82549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338509"/>
            <a:ext cx="825500" cy="965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309809"/>
            <a:ext cx="825500" cy="965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256199"/>
            <a:ext cx="8255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891199"/>
            <a:ext cx="8255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51794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05419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61831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79134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6594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8296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57567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57567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2e27626e3d094dd0a210b1e05d6bfdd8_Shape">
            <a:extLst>
              <a:ext uri="{FF2B5EF4-FFF2-40B4-BE49-F238E27FC236}">
                <a16:creationId xmlns:a16="http://schemas.microsoft.com/office/drawing/2014/main" id="{65DAED55-B6DA-4333-B020-A4B3CA5967D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82969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891718" y="494716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6631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89171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c083dcb2c19c4c0a9646b566e1400809_Shape">
            <a:extLst>
              <a:ext uri="{FF2B5EF4-FFF2-40B4-BE49-F238E27FC236}">
                <a16:creationId xmlns:a16="http://schemas.microsoft.com/office/drawing/2014/main" id="{AE664857-67C1-4889-BD0B-9B02E24DCB6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0219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76594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57567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0219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76594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0219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M_c83c63dd5d304091821b0ecf3f8be2b9_Shape">
            <a:extLst>
              <a:ext uri="{FF2B5EF4-FFF2-40B4-BE49-F238E27FC236}">
                <a16:creationId xmlns:a16="http://schemas.microsoft.com/office/drawing/2014/main" id="{4DDAD743-855E-4FA0-ABAB-6CC9DB34A19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02196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72296" y="55736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27597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89171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79134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e523b563254d495eb0025210ee56692e_Shape">
            <a:extLst>
              <a:ext uri="{FF2B5EF4-FFF2-40B4-BE49-F238E27FC236}">
                <a16:creationId xmlns:a16="http://schemas.microsoft.com/office/drawing/2014/main" id="{00E86286-9914-4895-A9A5-8CD9E915947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76594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045beb95d040487eaf77b3311e5d20f0_Shape">
            <a:extLst>
              <a:ext uri="{FF2B5EF4-FFF2-40B4-BE49-F238E27FC236}">
                <a16:creationId xmlns:a16="http://schemas.microsoft.com/office/drawing/2014/main" id="{8B7C81FA-B91C-4CA0-B857-98307B1461B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30219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86631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77229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30854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87266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M_266cb7b954a6414eb7b7ea9f740319f6_Shape">
            <a:extLst>
              <a:ext uri="{FF2B5EF4-FFF2-40B4-BE49-F238E27FC236}">
                <a16:creationId xmlns:a16="http://schemas.microsoft.com/office/drawing/2014/main" id="{BBC737DF-5DC6-4BA6-A543-EE63677C6E6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30219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M_6e37b4e8e3c149d585cc7170bfe1145c_Shape">
            <a:extLst>
              <a:ext uri="{FF2B5EF4-FFF2-40B4-BE49-F238E27FC236}">
                <a16:creationId xmlns:a16="http://schemas.microsoft.com/office/drawing/2014/main" id="{95B50414-A2B4-49FC-AB48-06CE649AB6B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76594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M_18b4805670c54bafba548f70c19a4604_Shape">
            <a:extLst>
              <a:ext uri="{FF2B5EF4-FFF2-40B4-BE49-F238E27FC236}">
                <a16:creationId xmlns:a16="http://schemas.microsoft.com/office/drawing/2014/main" id="{29CCF2D0-B6EA-4383-830C-483313D6CFB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86631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M_550a5bf5eba0429492a42cecbb55ea03_Shape">
            <a:extLst>
              <a:ext uri="{FF2B5EF4-FFF2-40B4-BE49-F238E27FC236}">
                <a16:creationId xmlns:a16="http://schemas.microsoft.com/office/drawing/2014/main" id="{10DB1496-FCB9-44AE-B3C9-3AD0AEAE317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302196" y="4011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7319137fdf7944279d79d0352cbf2c93_Shape">
            <a:extLst>
              <a:ext uri="{FF2B5EF4-FFF2-40B4-BE49-F238E27FC236}">
                <a16:creationId xmlns:a16="http://schemas.microsoft.com/office/drawing/2014/main" id="{2F5D84C7-FC55-4CAC-8138-FA2984FE8ED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86631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34b0a8948a844ec0971ad8eee72468c1_Shape">
            <a:extLst>
              <a:ext uri="{FF2B5EF4-FFF2-40B4-BE49-F238E27FC236}">
                <a16:creationId xmlns:a16="http://schemas.microsoft.com/office/drawing/2014/main" id="{2263BDC4-9E08-41BC-BB0F-7B95A4898A5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86631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468692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Ads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372808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SEO/SEM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269938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544892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rgbClr val="171E24"/>
                </a:solidFill>
                <a:latin typeface="Calibri" panose="020F0502020204030204" pitchFamily="34" charset="0"/>
              </a:rPr>
              <a:t>DevOps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59632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flipV="1">
            <a:off x="9187850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062150" y="141255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73065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58144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6" name="OTLSHAPE_SLM_be54ac11223a4538b0a95d4c713ab9e3_Title">
            <a:extLst>
              <a:ext uri="{FF2B5EF4-FFF2-40B4-BE49-F238E27FC236}">
                <a16:creationId xmlns:a16="http://schemas.microsoft.com/office/drawing/2014/main" id="{B975BE38-DB79-4556-BFD4-42A8490F36F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019945" y="442376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ing Ads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045346" y="34183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Optimization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511566" y="4423765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cebook Ad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536967" y="373584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Audit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536967" y="341834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Audit</a:t>
            </a:r>
          </a:p>
        </p:txBody>
      </p:sp>
      <p:sp>
        <p:nvSpPr>
          <p:cNvPr id="121" name="OTLSHAPE_SLM_2e27626e3d094dd0a210b1e05d6bfdd8_Title">
            <a:extLst>
              <a:ext uri="{FF2B5EF4-FFF2-40B4-BE49-F238E27FC236}">
                <a16:creationId xmlns:a16="http://schemas.microsoft.com/office/drawing/2014/main" id="{E30E0DB0-4CBE-4C30-B969-EBA69341F2E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511566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oogle Ads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120315" y="4965625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mail Ads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145716" y="238965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Commerce Update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120315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bile Ads</a:t>
            </a:r>
          </a:p>
        </p:txBody>
      </p:sp>
      <p:sp>
        <p:nvSpPr>
          <p:cNvPr id="170" name="OTLSHAPE_SLM_c083dcb2c19c4c0a9646b566e1400809_Title">
            <a:extLst>
              <a:ext uri="{FF2B5EF4-FFF2-40B4-BE49-F238E27FC236}">
                <a16:creationId xmlns:a16="http://schemas.microsoft.com/office/drawing/2014/main" id="{73B8FC73-2989-4A36-9FDC-51858A52F79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581596" y="341834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ocial Media Campaign</a:t>
            </a: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045346" y="2389650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Optimize for Mobile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536967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ebsite Design &amp; Dev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581596" y="23896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Commerce Dev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045346" y="270715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urchase Flow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M_7045f708c555433896c4f672bfa058ae_Title">
            <a:extLst>
              <a:ext uri="{FF2B5EF4-FFF2-40B4-BE49-F238E27FC236}">
                <a16:creationId xmlns:a16="http://schemas.microsoft.com/office/drawing/2014/main" id="{63F7FE05-79E3-4F5A-AB2C-A4AF3F2A2DC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581596" y="27071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brand Update</a:t>
            </a: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581596" y="302465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Design Update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038996" y="559639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curity Audit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556194" y="442376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3rd Party Lead Gen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120315" y="442376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Youtube Ads</a:t>
            </a: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019945" y="469469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isplay Ads Creative</a:t>
            </a:r>
          </a:p>
        </p:txBody>
      </p:sp>
      <p:sp>
        <p:nvSpPr>
          <p:cNvPr id="203" name="OTLSHAPE_SLM_e523b563254d495eb0025210ee56692e_Title">
            <a:extLst>
              <a:ext uri="{FF2B5EF4-FFF2-40B4-BE49-F238E27FC236}">
                <a16:creationId xmlns:a16="http://schemas.microsoft.com/office/drawing/2014/main" id="{3801C606-748B-4AF5-9D84-51E587EFD2C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045346" y="3735849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Campaign</a:t>
            </a:r>
          </a:p>
        </p:txBody>
      </p:sp>
      <p:sp>
        <p:nvSpPr>
          <p:cNvPr id="206" name="OTLSHAPE_SLM_045beb95d040487eaf77b3311e5d20f0_Title">
            <a:extLst>
              <a:ext uri="{FF2B5EF4-FFF2-40B4-BE49-F238E27FC236}">
                <a16:creationId xmlns:a16="http://schemas.microsoft.com/office/drawing/2014/main" id="{2689A20F-6C27-404D-A451-4010982A24C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581596" y="373584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Campaign</a:t>
            </a:r>
          </a:p>
        </p:txBody>
      </p:sp>
      <p:sp>
        <p:nvSpPr>
          <p:cNvPr id="212" name="OTLSHAPE_SLM_5920b03199474388bd7736cdc3f1663e_Title">
            <a:extLst>
              <a:ext uri="{FF2B5EF4-FFF2-40B4-BE49-F238E27FC236}">
                <a16:creationId xmlns:a16="http://schemas.microsoft.com/office/drawing/2014/main" id="{32A0052F-F30F-41B3-8A9D-DD0D570353E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45716" y="2707150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unnel Optimization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038996" y="531699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Geo-replication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575246" y="531699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ccess Firewall Integration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39366" y="5316990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Disaster Recovery Testing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581596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045346" y="5971040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Automated Test Framework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145716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11769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68181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78" name="OTLSHAPE_SLM_550a5bf5eba0429492a42cecbb55ea03_Title">
            <a:extLst>
              <a:ext uri="{FF2B5EF4-FFF2-40B4-BE49-F238E27FC236}">
                <a16:creationId xmlns:a16="http://schemas.microsoft.com/office/drawing/2014/main" id="{D65FEED4-6C58-4F36-A1F5-88043D9D0D2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581596" y="40533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rand Change</a:t>
            </a:r>
          </a:p>
        </p:txBody>
      </p:sp>
      <p:sp>
        <p:nvSpPr>
          <p:cNvPr id="481" name="OTLSHAPE_SLM_7319137fdf7944279d79d0352cbf2c93_Title">
            <a:extLst>
              <a:ext uri="{FF2B5EF4-FFF2-40B4-BE49-F238E27FC236}">
                <a16:creationId xmlns:a16="http://schemas.microsoft.com/office/drawing/2014/main" id="{BBA59974-C953-4C26-9511-5A7634768DC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145716" y="341834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EO Review</a:t>
            </a:r>
          </a:p>
        </p:txBody>
      </p:sp>
      <p:sp>
        <p:nvSpPr>
          <p:cNvPr id="484" name="OTLSHAPE_SLM_34b0a8948a844ec0971ad8eee72468c1_Title">
            <a:extLst>
              <a:ext uri="{FF2B5EF4-FFF2-40B4-BE49-F238E27FC236}">
                <a16:creationId xmlns:a16="http://schemas.microsoft.com/office/drawing/2014/main" id="{0F18C34B-912B-4F11-AD8C-152F9CFF64A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145716" y="373584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M Review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351794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605419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861831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3207935" y="493709"/>
            <a:ext cx="618852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ject Roadmap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OC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xLCJRdWlja1Bvc2l0aW9uIjozLCJBYnNvbHV0ZVBvc2l0aW9uIjoxMzUuODc0Nz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OTEsIkciOjE1NSwiQiI6MjEz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4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I1NSwiUiI6MjA4LCJHIjoyMDYsIkIiOjIwNn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jU1LCJSIjoyNTUsIkciOjE5MiwiQiI6MH19LCJJc1Zpc2libGUiOmZhbHNlLCJXaWR0aCI6MC4wLCJIZWlnaHQiOjAuMCwiQm9yZGVyU3R5bGUiOnsiJGlkIjoiMTc3IiwiTGluZUNvbG9yIjp7IiRpZCI6IjE3OCIsIiR0eXBlIjoiTkxSRS5Db21tb24uRG9tLlNvbGlkQ29sb3JCcnVzaCwgTkxSRS5Db21tb24iLCJDb2xvciI6eyIkaWQiOiIxNzkiLCJBIjoyNTUsIlIiOjYwLCJHIjo1NCwiQiI6NDl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yNTUsIkciOjE5MiwiQiI6MH19LCJJc1Zpc2libGUiOnRydWUsIldpZHRoIjowLjAsIkhlaWdodCI6MC4wLCJCb3JkZXJTdHlsZSI6eyIkaWQiOiIxODciLCJMaW5lQ29sb3IiOnsiJGlkIjoiMTg4IiwiJHR5cGUiOiJOTFJFLkNvbW1vbi5Eb20uU29saWRDb2xvckJydXNoLCBOTFJFLkNvbW1vbiIsIkNvbG9yIjp7IiRpZCI6IjE4OSIsIkEiOjI1NSwiUiI6MjA4LCJHIjoyMDYsIkIiOjIwNn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EtMDlUMTg6MzU6MDAiLCJFbmREYXRlIjoiMjAxOS0xMC0xNVQyMzo1OTowMFoiLCJQZXJjZW50YWdlQ29tcGxldGUiOm51bGwsIlN0eWxlIjp7IiRpZCI6IjE5NCIsIlNoYXBlIjo2LCJTaGFwZVRoaWNrbmVzcyI6MS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ciLCJMaW5lQ29sb3IiOm51bGwsIkxpbmVXZWlnaHQiOjAuMCwiTGluZVR5cGUiOjAsIlBhcmVudFN0eWxlIjpudWxsfSwiUGFyZW50U3R5bGUiOm51bGx9LCJEdXJhdGlvblN0eWxlIjp7IiRpZCI6IjE5OCIsIkZvbnRTZXR0aW5ncyI6eyIkaWQiOiIxOT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HJlZiI6Ijk4In0sIkxpbmVXZWlnaHQiOjEuMCwiTGluZVR5cGUiOjAsIlBhcmVudFN0eWxlIjpudWxsfSwiVmVydGljYWxDb25uZWN0b3JTdHlsZSI6eyIkaWQiOiIyMDIiLCJMaW5lQ29sb3IiOnsiJHJlZiI6IjEwMSJ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jAzIiwiTWFyZ2luIjp7IiRyZWYiOiIxMDQifSwiUGFkZGluZyI6eyIkcmVmIjoiMTA1In0sIkJhY2tncm91bmQiOnsiJGlkIjoiMjA0IiwiQ29sb3IiOnsiJGlkIjoiMjA1IiwiQSI6MjU1LCJSIjoxNjUsIkciOjE2NSwiQiI6MTY1fX0sIklzVmlzaWJsZSI6dHJ1ZSwiV2lkdGgiOjAuMCwiSGVpZ2h0IjoxNi4wLCJCb3JkZXJTdHlsZSI6eyIkaWQiOiIyMDYiLCJMaW5lQ29sb3IiOnsiJHJlZiI6IjEwOSJ9LCJMaW5lV2VpZ2h0IjowLjAsIkxpbmVUeXBlIjowLCJQYXJlbnRTdHlsZSI6bnVsbH0sIlBhcmVudFN0eWxlIjpudWxsfSwiVGl0bGVTdHlsZSI6eyIkaWQiOiIyMDciLCJGb250U2V0dGluZ3MiOnsiJGlkIjoiMjA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wIiwiVG9wIjowLCJMZWZ0IjowLCJSaWdodCI6MCwiQm90dG9tIjowfSwiUGFkZGluZyI6eyIkaWQiOiIyMjEiLCJUb3AiOjAsIkxlZnQiOjAsIlJpZ2h0IjowLCJCb3R0b20iOjB9LCJCYWNrZ3JvdW5kIjp7IiRyZWYiOiI3MyJ9LCJJc1Zpc2libGUiOnRydWUsIldpZHRoIjowLjAsIkhlaWdodCI6MC4wLCJCb3JkZXJTdHlsZSI6bnVsbC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QyIiwiTWFyZ2luIjp7IiRyZWYiOiIyMjcifSwiUGFkZGluZyI6eyIkcmVmIjoiMjI4In0sIkJhY2tncm91bmQiOnsiJGlkIjoiMjQzIiwiQ29sb3IiOnsiJGlkIjoiMjQ0IiwiQSI6MjU1LCJSIjoyNTUsIkciOjE5MiwiQiI6MH19LCJJc1Zpc2libGUiOnRydWUsIldpZHRoIjoxMy4wLCJIZWlnaHQiOjEzLjAsIkJvcmRlclN0eWxlIjp7IiRpZCI6IjI0NSIsIkxpbmVDb2xvciI6bnVsbCwiTGluZVdlaWdodCI6MC4wLCJMaW5lVHlwZSI6MCwiUGFyZW50U3R5bGUiOm51bGx9LCJQYXJlbnRTdHlsZSI6bnVsbH0sIkRhdGVGb3JtYXQiOnsiJGlkIjoiM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Q3IiwiQWRkcmVzcyI6IiIsIlN1YkFkZHJlc3MiOiIifSwiSW1wb3J0SWQiOm51bGx9LHsiJGlkIjoiMjQ4IiwiSWQiOiI1NjFkM2YzNC03ZDFiLTQ1NDQtOTFhYy00ZGU5Nzk3YTNmNGQiLCJJbmRleCI6NCwiR3JvdXBJZCI6Ijc0ZDNmYmQyLWY0NjQtNDFlMS04MjliLWM1NzI0Yjg0YmQ0MSIsIlRpdGxlIjoiRUNvbW1lcmNlIERldiIsIkRhdGVUaW1lIjoiMjAxOS0wNy0xM1QyMzo1OTowMFoiLCJQZXJjZW50YWdlQ29tcGxldGUiOm51bGwsIk5vdGUiOm51bGwsIlN0eWxlIjp7IiRpZCI6IjI0OSI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GlkIjoiMjU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I1NiIsIk1hcmdpbiI6eyIkcmVmIjoiMjI3In0sIlBhZGRpbmciOnsiJHJlZiI6IjIyOCJ9LCJCYWNrZ3JvdW5kIjp7IiRpZCI6IjI1NyIsIkNvbG9yIjp7IiRpZCI6IjI1OCIsIkEiOjI1NSwiUiI6MjU1LCJHIjoxOTIsIkIiOjB9fSwiSXNWaXNpYmxlIjp0cnVlLCJXaWR0aCI6MTMuMCwiSGVpZ2h0IjoxMy4wLCJCb3JkZXJTdHlsZSI6eyIkaWQiOiIyNTkiLCJMaW5lQ29sb3IiOm51bGwsIkxpbmVXZWlnaHQiOjAuMCwiTGluZVR5cGUiOjAsIlBhcmVudFN0eWxlIjpudWxsfSwiUGFyZW50U3R5bGUiOm51bGx9LCJEYXRlRm9ybWF0Ijp7IiRpZCI6Ij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QsIlNoYXBlU2l6ZSI6MSwiU2hhcGVTdHlsZSI6eyIkaWQiOiIyNzAiLCJNYXJnaW4iOnsiJHJlZiI6IjIyNyJ9LCJQYWRkaW5nIjp7IiRyZWYiOiIyMjgifSwiQmFja2dyb3VuZCI6eyIkaWQiOiIyNzEiLCJDb2xvciI6eyIkaWQiOiIyNzIiLCJBIjoyNTUsIlIiOjI1NSwiRyI6MTkyLCJCIjowfX0sIklzVmlzaWJsZSI6dHJ1ZSwiV2lkdGgiOjEzLjAsIkhlaWdodCI6MTMuMCwiQm9yZGVyU3R5bGUiOnsiJGlkIjoiMjczIiwiTGluZUNvbG9yIjpudWxsLCJMaW5lV2VpZ2h0IjowLjAsIkxpbmVUeXBlIjowLCJQYXJlbnRTdHlsZSI6bnVsbH0sIlBhcmVudFN0eWxlIjpudWxsfSwiRGF0ZUZvcm1hdCI6eyIkaWQiOiIy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g0IiwiTWFyZ2luIjp7IiRyZWYiOiIyMjcifSwiUGFkZGluZyI6eyIkcmVmIjoiMjI4In0sIkJhY2tncm91bmQiOnsiJGlkIjoiMjg1IiwiQ29sb3IiOnsiJGlkIjoiMjg2IiwiQSI6MjU1LCJSIjoyNTUsIkciOjE5MiwiQiI6MH19LCJJc1Zpc2libGUiOnRydWUsIldpZHRoIjoxMy4wLCJIZWlnaHQiOjEz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k4IiwiTWFyZ2luIjp7IiRyZWYiOiIyMjcifSwiUGFkZGluZyI6eyIkcmVmIjoiMjI4In0sIkJhY2tncm91bmQiOnsiJGlkIjoiMjk5IiwiQ29sb3IiOnsiJGlkIjoiMzAwIiwiQSI6MjU1LCJSIjoyNTUsIkciOjE5MiwiQiI6MH19LCJJc1Zpc2libGUiOnRydWUsIldpZHRoIjoxMy4wLCJIZWlnaHQiOjEzLjAsIkJvcmRlclN0eWxlIjp7IiRpZCI6IjMwMSIsIkxpbmVDb2xvciI6bnVsbCwiTGluZVdlaWdodCI6MC4wLCJMaW5lVHlwZSI6MCwiUGFyZW50U3R5bGUiOm51bGx9LCJQYXJlbnRTdHlsZSI6bnVsbH0sIkRhdGVGb3JtYXQiOnsiJGlkIjoi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AzIiwiQWRkcmVzcyI6IiIsIlN1YkFkZHJlc3MiOiIifSwiSW1wb3J0SWQiOm51bGx9LHsiJGlkIjoiMzA0IiwiSWQiOiJkNGI0M2FiZC00NThkLTQ2YzktOTY3OS1iNDBhOTFmZGMyMTUiLCJJbmRleCI6OCwiR3JvdXBJZCI6IjlhNGFiODU5LTU4NGYtNDg5OC05YzdhLTQ2NGJhOWE1YzE1MSIsIlRpdGxlIjoiUHVyY2hhc2UgRmxvdyIsIkRhdGVUaW1lIjoiMjAxOS0wNC0xM1QyMzo1OTowMFoiLCJQZXJjZW50YWdlQ29tcGxldGUiOm51bGwsIk5vdGUiOm51bGwsIlN0eWxlIjp7IiRpZCI6IjMwNSI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xMiIsIk1hcmdpbiI6eyIkcmVmIjoiMjI3In0sIlBhZGRpbmciOnsiJHJlZiI6IjIyOCJ9LCJCYWNrZ3JvdW5kIjp7IiRpZCI6IjMxMyIsIkNvbG9yIjp7IiRpZCI6IjMxNCIsIkEiOjI1NSwiUiI6MjU1LCJHIjoxOTIsIkIiOjB9fSwiSXNWaXNpYmxlIjp0cnVlLCJXaWR0aCI6MTMuMCwiSGVpZ2h0IjoxMy4wLCJCb3JkZXJTdHlsZSI6eyIkaWQiOiIzMTUiLCJMaW5lQ29sb3IiOm51bGwsIkxpbmVXZWlnaHQiOjAuMCwiTGluZVR5cGUiOjAsIlBhcmVudFN0eWxlIjpudWxsfSwiUGFyZW50U3R5bGUiOm51bGx9LCJEYXRlRm9ybWF0Ijp7IiRpZCI6IjM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yNiIsIk1hcmdpbiI6eyIkcmVmIjoiMjI3In0sIlBhZGRpbmciOnsiJHJlZiI6IjIyOCJ9LCJCYWNrZ3JvdW5kIjp7IiRpZCI6IjMyNyIsIkNvbG9yIjp7IiRpZCI6IjMyOCIsIkEiOjI1NSwiUiI6MjU1LCJHIjoxOTIsIkIiOjB9fSwiSXNWaXNpYmxlIjp0cnVlLCJXaWR0aCI6MTMuMCwiSGVpZ2h0IjoxMy4wLCJCb3JkZXJTdHlsZSI6eyIkaWQiOiIzMjkiLCJMaW5lQ29sb3IiOm51bGwsIkxpbmVXZWlnaHQiOjAuMCwiTGluZVR5cGUiOjAsIlBhcmVudFN0eWxlIjpudWxsfSwiUGFyZW50U3R5bGUiOm51bGx9LCJEYXRlRm9ybWF0Ijp7IiRpZCI6IjM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MzQ1IiwiTWFyZ2luIjp7IiRyZWYiOiIxODMifSwiUGFkZGluZyI6eyIkcmVmIjoiMTg0In0sIkJhY2tncm91bmQiOnsiJGlkIjoiMzQ2IiwiQ29sb3IiOnsiJGlkIjoiMzQ3IiwiQSI6MzgsIlIiOjExMiwiRyI6MTczLCJCIjo3MX19LCJJc1Zpc2libGUiOnRydWUsIldpZHRoIjowLjAsIkhlaWdodCI6MC4wLCJCb3JkZXJTdHlsZSI6eyIkaWQiOiIzNDgiLCJMaW5lQ29sb3IiOnsiJGlkIjoiMzQ5IiwiJHR5cGUiOiJOTFJFLkNvbW1vbi5Eb20uU29saWRDb2xvckJydXNoLCBOTFJFLkNvbW1vbiIsIkNvbG9yIjp7IiRpZCI6IjM1M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pZCI6IjM1OSIsIkNvbG9yIjp7IiRpZCI6IjM2MCIsIkEiOjAsIlIiOjAsIkciOjAsIkIiOjB9fSwiSXNWaXNpYmxlIjp0cnVlLCJXaWR0aCI6MC4wLCJIZWlnaHQiOjAuMCwiQm9yZGVyU3R5bGUiOm51bGw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CIsIlRvcCI6MCwiTGVmdCI6MCwiUmlnaHQiOjAsIkJvdHRvbSI6MH0sIlBhZGRpbmciOnsiJGlkIjoiMzgxIiwiVG9wIjowLCJMZWZ0IjowLCJSaWdodCI6MCwiQm90dG9tIjowfSwiQmFja2dyb3VuZCI6eyIkcmVmIjoiMzU5In0sIklzVmlzaWJsZSI6dHJ1ZSwiV2lkdGgiOjAuMCwiSGVpZ2h0IjowLjAsIkJvcmRlclN0eWxlIjpudWxs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M4NCIsIlRvcCI6MCwiTGVmdCI6MCwiUmlnaHQiOjAsIkJvdHRvbSI6MH0sIlBhZGRpbmciOnsiJGlkIjoiMzg1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DIiLCJNYXJnaW4iOnsiJHJlZiI6IjIyNyJ9LCJQYWRkaW5nIjp7IiRyZWYiOiIyMjgifSwiQmFja2dyb3VuZCI6eyIkaWQiOiI0MDMiLCJDb2xvciI6eyIkaWQiOiI0MDQiLCJBIjoyNTUsIlIiOjExMiwiRyI6MTczLCJCIjo3MX19LCJJc1Zpc2libGUiOnRydWUsIldpZHRoIjoxMy4wLCJIZWlnaHQiOjEz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A3IiwiQWRkcmVzcyI6IiIsIlN1YkFkZHJlc3MiOiIifSwiSW1wb3J0SWQiOm51bGx9LHsiJGlkIjoiNDA4IiwiSWQiOiI3MzE5MTM3Zi1kZjc5LTQ0MjctOWQ3OS1kMDM1MmNiZjJjOTMiLCJJbmRleCI6MywiR3JvdXBJZCI6IjU2ZjVlMDA3LWE3ZmItNDBiNC1iYzU2LTNjNGM4ODI4NTJkZCIsIlRpdGxlIjoiU0VPIFJldmlldyIsIkRhdGVUaW1lIjoiMjAxOS0xMC0xM1QyMzo1OTowMFoiLCJQZXJjZW50YWdlQ29tcGxldGUiOm51bGwsIk5vdGUiOm51bGwsIlN0eWxlIjp7IiRpZCI6IjQwOSI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zEiLCJNYXJnaW4iOnsiJHJlZiI6IjIyNyJ9LCJQYWRkaW5nIjp7IiRyZWYiOiIyMjgifSwiQmFja2dyb3VuZCI6eyIkaWQiOiI0MzIiLCJDb2xvciI6eyIkaWQiOiI0MzMiLCJBIjoyNTUsIlIiOjExMiwiRyI6MTczLCJCIjo3MX19LCJJc1Zpc2libGUiOnRydWUsIldpZHRoIjoxMy4wLCJIZWlnaHQiOjEzLjAsIkJvcmRlclN0eWxlIjp7IiRpZCI6IjQzNCIsIkxpbmVDb2xvciI6bnVsbCwiTGluZVdlaWdodCI6MC4wLCJMaW5lVHlwZSI6MCwiUGFyZW50U3R5bGUiOm51bGx9LCJQYXJlbnRTdHlsZSI6bnVsbH0sIkRhdGVGb3JtYXQiOnsiJGlkIjoiN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NDMiLCJGb250U2V0dGluZ3MiOnsiJGlkIjoiNDQ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Q1IiwiTWFyZ2luIjp7IiRyZWYiOiIyMjcifSwiUGFkZGluZyI6eyIkcmVmIjoiMjI4In0sIkJhY2tncm91bmQiOnsiJGlkIjoiNDQ2IiwiQ29sb3IiOnsiJGlkIjoiNDQ3IiwiQSI6MjU1LCJSIjoxMTIsIkciOjE3MywiQiI6NzF9fSwiSXNWaXNpYmxlIjp0cnVlLCJXaWR0aCI6MTMuMCwiSGVpZ2h0IjoxMy4wLCJCb3JkZXJTdHlsZSI6eyIkaWQiOiI0NDgiLCJMaW5lQ29sb3IiOm51bGwsIkxpbmVXZWlnaHQiOjAuMCwiTGluZVR5cGUiOjAsIlBhcmVudFN0eWxlIjpudWxsfSwiUGFyZW50U3R5bGUiOm51bGx9LCJEYXRlRm9ybWF0Ijp7IiRpZCI6IjQ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NyIsIlRvcCI6MCwiTGVmdCI6MCwiUmlnaHQiOjAsIkJvdHRvbSI6MH0sIlBhZGRpbmciOnsiJGlkIjoiNDU4IiwiVG9wIjowLCJMZWZ0IjowLCJSaWdodCI6MCwiQm90dG9tIjowfSwiQmFja2dyb3VuZCI6eyIkcmVmIjoiMzU5In0sIklzVmlzaWJsZSI6dHJ1ZSwiV2lkdGgiOjAuMCwiSGVpZ2h0IjowLjAsIkJvcmRlclN0eWxlIjpudWxsLCJQYXJlbnRTdHlsZSI6bnVsbH0sIkRhdGVTdHlsZSI6eyIkaWQiOiI0NTkiLCJGb250U2V0dGluZ3MiOnsiJGlkIjoiNDY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3IiwiRm9udFNldHRpbmdzIjp7IiRpZCI6IjQ3OCIsIkZvbnRTaXplIjoxMCwiRm9udE5hbWUiOiJDYWxpYnJpIiwiSXNCb2xkIjpmYWxzZSwiSXNJdGFsaWMiOmZhbHNlLCJJc1VuZGVybGluZWQiOmZhbHNlLCJQYXJlbnRTdHlsZSI6bnVsbH0sIkF1dG9TaXplIjowLCJGb3JlZ3JvdW5kIjp7IiRpZCI6IjQ3OSIsIkNvbG9yIjp7IiRpZCI6IjQ4M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OTIiLCJGb250U2V0dGluZ3MiOnsiJGlkIjoiNDk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k0IiwiTWFyZ2luIjp7IiRyZWYiOiIyMjcifSwiUGFkZGluZyI6eyIkcmVmIjoiMjI4In0sIkJhY2tncm91bmQiOnsiJGlkIjoiNDk1IiwiQ29sb3IiOnsiJGlkIjoiNDk2IiwiQSI6MjU1LCJSIjoxMTIsIkciOjE3MywiQiI6NzF9fSwiSXNWaXNpYmxlIjp0cnVlLCJXaWR0aCI6MTMuMCwiSGVpZ2h0IjoxMy4wLCJCb3JkZXJTdHlsZSI6eyIkaWQiOiI0OTciLCJMaW5lQ29sb3IiOm51bGwsIkxpbmVXZWlnaHQiOjAuMCwiTGluZVR5cGUiOjAsIlBhcmVudFN0eWxlIjpudWxsfSwiUGFyZW50U3R5bGUiOm51bGx9LCJEYXRlRm9ybWF0Ijp7IiRpZCI6Ij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UwNyIsIk1hcmdpbiI6eyIkcmVmIjoiMTczIn0sIlBhZGRpbmciOnsiJHJlZiI6IjE3NCJ9LCJCYWNrZ3JvdW5kIjp7IiRpZCI6IjUwOCIsIkNvbG9yIjp7IiRpZCI6IjUwOSIsIkEiOjI1NSwiUiI6OTEsIkciOjE1NSwiQiI6MjEzfX0sIklzVmlzaWJsZSI6ZmFsc2UsIldpZHRoIjowLjAsIkhlaWdodCI6MC4wLCJCb3JkZXJTdHlsZSI6eyIkaWQiOiI1MTAiLCJMaW5lQ29sb3IiOnsiJGlkIjoiNTExIiwiJHR5cGUiOiJOTFJFLkNvbW1vbi5Eb20uU29saWRDb2xvckJydXNoLCBOTFJFLkNvbW1vbiIsIkNvbG9yIjp7IiRpZCI6IjUxMiIsIkEiOjI1NSwiUiI6NiwiRyI6NCwiQiI6NX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1MTMiLCJNYXJnaW4iOnsiJHJlZiI6IjE4MyJ9LCJQYWRkaW5nIjp7IiRyZWYiOiIxODQifSwiQmFja2dyb3VuZCI6eyIkaWQiOiI1MTQiLCJDb2xvciI6eyIkaWQiOiI1MTUiLCJBIjozOCwiUiI6OTEsIkciOjE1NSwiQiI6MjEzfX0sIklzVmlzaWJsZSI6dHJ1ZSwiV2lkdGgiOjAuMCwiSGVpZ2h0IjowLjAsIkJvcmRlclN0eWxlIjp7IiRpZCI6IjUxNiIsIkxpbmVDb2xvciI6eyIkaWQiOiI1MTciLCIkdHlwZSI6Ik5MUkUuQ29tbW9uLkRvbS5Tb2xpZENvbG9yQnJ1c2gsIE5MUkUuQ29tbW9uIiwiQ29sb3IiOnsiJGlkIjoiNTE4IiwiQSI6MjU1LCJSIjoyMDgsIkciOjIwNiwiQiI6MjA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NTU5IiwiVG9wIjowLCJMZWZ0IjowLCJSaWdodCI6MCwiQm90dG9tIjowfSwiUGFkZGluZyI6eyIkaWQiOiI1NjAiLCJUb3AiOjAsIkxlZnQiOjAsIlJpZ2h0IjowLCJCb3R0b20iOjB9LCJCYWNrZ3JvdW5kIjp7IiRyZWYiOiIzNTkifSwiSXNWaXNpYmxlIjp0cnVlLCJXaWR0aCI6MC4wLCJIZWlnaHQiOjAuMCwiQm9yZGVyU3R5bGUiOm51bGwsIlBhcmVudFN0eWxlIjpudWxsfSwiRGF0ZVN0eWxlIjp7IiRpZCI6IjU2MSIsIkZvbnRTZXR0aW5ncyI6eyIkaWQiOiI1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U3OSIsIkZvbnRTZXR0aW5ncyI6eyIkaWQiOiI1O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QsIlNoYXBlU2l6ZSI6MywiU2hhcGVTdHlsZSI6eyIkaWQiOiI1ODEiLCJNYXJnaW4iOnsiJHJlZiI6IjIyNyJ9LCJQYWRkaW5nIjp7IiRyZWYiOiIyMjgifSwiQmFja2dyb3VuZCI6eyIkaWQiOiI1ODIiLCJDb2xvciI6eyIkaWQiOiI1ODMiLCJBIjoyNTUsIlIiOjkxLCJHIjoxNTUsIkIiOjIxM319LCJJc1Zpc2libGUiOnRydWUsIldpZHRoIjoxMy45OTk3NjM0ODg3Njk1MzEsIkhlaWdodCI6MTYuMzMzMDcwNzU1MDA0ODgz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xNSIsIk1hcmdpbiI6eyIkcmVmIjoiMjI3In0sIlBhZGRpbmciOnsiJHJlZiI6IjIyOCJ9LCJCYWNrZ3JvdW5kIjp7IiRpZCI6IjYxNiIsIkNvbG9yIjp7IiRpZCI6IjYxNyIsIkEiOjI1NSwiUiI6OTEsIkciOjE1NSwiQiI6MjEzfX0sIklzVmlzaWJsZSI6dHJ1ZSwiV2lkdGgiOjEzLjk5OTc2MzQ4ODc2OTUzMSwiSGVpZ2h0IjoxNi4zMzMwNzA3NTUwMDQ4ODM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I3IiwiRm9udFNldHRpbmdzIjp7IiRpZCI6IjYy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yOSIsIk1hcmdpbiI6eyIkcmVmIjoiMjI3In0sIlBhZGRpbmciOnsiJHJlZiI6IjIyOCJ9LCJCYWNrZ3JvdW5kIjp7IiRpZCI6IjYzMCIsIkNvbG9yIjp7IiRpZCI6IjYzMSIsIkEiOjI1NSwiUiI6OTEsIkciOjE1NSwiQiI6MjEzfX0sIklzVmlzaWJsZSI6dHJ1ZSwiV2lkdGgiOjEzLjk5OTc2MzQ4ODc2OTUzMSwiSGVpZ2h0IjoxNi4zMzMwNzA3NTUwMDQ4ODMsIkJvcmRlclN0eWxlIjp7IiRpZCI6IjYzMiIsIkxpbmVDb2xvciI6bnVsbCwiTGluZVdlaWdodCI6MC4wLCJMaW5lVHlwZSI6MCwiUGFyZW50U3R5bGUiOm51bGx9LCJQYXJlbnRTdHlsZSI6bnVsbH0sIkRhdGVGb3JtYXQiOnsiJGlkIjoiN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0MyIsIk1hcmdpbiI6eyIkcmVmIjoiMjI3In0sIlBhZGRpbmciOnsiJHJlZiI6IjIyOCJ9LCJCYWNrZ3JvdW5kIjp7IiRpZCI6IjY0NCIsIkNvbG9yIjp7IiRpZCI6IjY0NSIsIkEiOjI1NSwiUiI6OTEsIkciOjE1NSwiQiI6MjEzfX0sIklzVmlzaWJsZSI6dHJ1ZSwiV2lkdGgiOjEzLjk5OTc2MzQ4ODc2OTUzMSwiSGVpZ2h0IjoxNi4zMzMwNzA3NTUwMDQ4ODMsIkJvcmRlclN0eWxlIjp7IiRpZCI6IjY0NiIsIkxpbmVDb2xvciI6bnVsbCwiTGluZVdlaWdodCI6MC4wLCJMaW5lVHlwZSI6MCwiUGFyZW50U3R5bGUiOm51bGx9LCJQYXJlbnRTdHlsZSI6bnVsbH0sIkRhdGVGb3JtYXQiOnsiJGlkIjoiNj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csIlNoYXBlU2l6ZSI6MywiU2hhcGVTdHlsZSI6eyIkaWQiOiI2NzYiLCJNYXJnaW4iOnsiJHJlZiI6IjIyNyJ9LCJQYWRkaW5nIjp7IiRyZWYiOiIyMjgifSwiQmFja2dyb3VuZCI6eyIkaWQiOiI2NzciLCJDb2xvciI6eyIkaWQiOiI2NzgiLCJBIjoyNTUsIlIiOjIzNywiRyI6MTI1LCJCIjo0OX19LCJJc1Zpc2libGUiOnRydWUsIldpZHRoIjoxNy4wLCJIZWlnaHQiOjE3LjAsIkJvcmRlclN0eWxlIjp7IiRpZCI6IjY3OSIsIkxpbmVDb2xvciI6bnVsbCwiTGluZVdlaWdodCI6MC4wLCJMaW5lVHlwZSI6MCwiUGFyZW50U3R5bGUiOm51bGx9LCJQYXJlbnRTdHlsZSI6bnVsbH0sIkRhdGVGb3JtYXQiOnsiJGlkIjoiN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gxIiwiQWRkcmVzcyI6IiIsIlN1YkFkZHJlc3MiOiIifSwiSW1wb3J0SWQiOm51bGx9LHsiJGlkIjoiNjgyIiwiSWQiOiI4N2M5M2EzMS05YTY1LTQ0MWQtOGNjZS1jMDQzMzZhZjI3NzgiLCJJbmRleCI6MzEsIkdyb3VwSWQiOiJkNDc4MzY4Yi04Y2JkLTQ4ZmItYjE2Zi0wMDRkZDkzNzIxNDciLCJUaXRsZSI6IkFjY2VzcyBGaXJld2FsbCBJbnRlZ3JhdGlvbiIsIkRhdGVUaW1lIjoiMjAxOS0wNy0xM1QyMzo1OTowMFoiLCJQZXJjZW50YWdlQ29tcGxldGUiOm51bGwsIk5vdGUiOm51bGwsIlN0eWxlIjp7IiRpZCI6IjY4MyI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2ODgiLCJGb250U2V0dGluZ3MiOnsiJGlkIjoiNjg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Y5MCIsIk1hcmdpbiI6eyIkcmVmIjoiMjI3In0sIlBhZGRpbmciOnsiJHJlZiI6IjIyOCJ9LCJCYWNrZ3JvdW5kIjp7IiRpZCI6IjY5MSIsIkNvbG9yIjp7IiRpZCI6IjY5MiIsIkEiOjI1NSwiUiI6MjM3LCJHIjoxMjUsIkIiOjQ5fX0sIklzVmlzaWJsZSI6dHJ1ZSwiV2lkdGgiOjE3LjAsIkhlaWdodCI6MTcuMCwiQm9yZGVyU3R5bGUiOnsiJGlkIjoiNjkzIiwiTGluZUNvbG9yIjpudWxsLCJMaW5lV2VpZ2h0IjowLjAsIkxpbmVUeXBlIjowLCJQYXJlbnRTdHlsZSI6bnVsbH0sIlBhcmVudFN0eWxlIjpudWxsfSwiRGF0ZUZvcm1hdCI6eyIkaWQiOiI2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3LCJTaGFwZVNpemUiOjMsIlNoYXBlU3R5bGUiOnsiJGlkIjoiNzA2IiwiTWFyZ2luIjp7IiRyZWYiOiIyMjcifSwiUGFkZGluZyI6eyIkcmVmIjoiMjI4In0sIkJhY2tncm91bmQiOnsiJGlkIjoiNzA3IiwiQ29sb3IiOnsiJGlkIjoiNzA4IiwiQSI6MjU1LCJSIjoyMzcsIkciOjEyNSwiQiI6NDl9fSwiSXNWaXNpYmxlIjp0cnVlLCJXaWR0aCI6MTcuMCwiSGVpZ2h0IjoxNy4wLCJCb3JkZXJTdHlsZSI6eyIkaWQiOiI3MDkiLCJMaW5lQ29sb3IiOm51bGwsIkxpbmVXZWlnaHQiOjAuMCwiTGluZVR5cGUiOjAsIlBhcmVudFN0eWxlIjpudWxsfSwiUGFyZW50U3R5bGUiOm51bGx9LCJEYXRlRm9ybWF0Ijp7IiRpZCI6Ijc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3MTgiLCJGb250U2V0dGluZ3MiOnsiJGlkIjoiNzE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cyMCIsIk1hcmdpbiI6eyIkcmVmIjoiMjI3In0sIlBhZGRpbmciOnsiJHJlZiI6IjIyOCJ9LCJCYWNrZ3JvdW5kIjp7IiRpZCI6IjcyMSIsIkNvbG9yIjp7IiRpZCI6IjcyMiIsIkEiOjI1NSwiUiI6MjM3LCJHIjoxMjUsIkIiOjQ5fX0sIklzVmlzaWJsZSI6dHJ1ZSwiV2lkdGgiOjE3LjAsIkhlaWdodCI6MTcuMCwiQm9yZGVyU3R5bGUiOnsiJGlkIjoiNzIzIiwiTGluZUNvbG9yIjpudWxsLCJMaW5lV2VpZ2h0IjowLjAsIkxpbmVUeXBlIjowLCJQYXJlbnRTdHlsZSI6bnVsbH0sIlBhcmVudFN0eWxlIjpudWxsfSwiRGF0ZUZvcm1hdCI6eyIkaWQiOiI3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zMzIiwiTWFyZ2luIjp7IiRyZWYiOiIxNzMifSwiUGFkZGluZyI6eyIkcmVmIjoiMTc0In0sIkJhY2tncm91bmQiOnsiJGlkIjoiNzM0IiwiQ29sb3IiOnsiJGlkIjoiNzM1IiwiQSI6MjU1LCJSIjoxNjUsIkciOjE2NSwiQiI6MTY1fX0sIklzVmlzaWJsZSI6ZmFsc2UsIldpZHRoIjowLjAsIkhlaWdodCI6MC4wLCJCb3JkZXJTdHlsZSI6eyIkaWQiOiI3MzYiLCJMaW5lQ29sb3IiOnsiJGlkIjoiNzM3IiwiJHR5cGUiOiJOTFJFLkNvbW1vbi5Eb20uU29saWRDb2xvckJydXNoLCBOTFJFLkNvbW1vbiIsIkNvbG9yIjp7IiRpZCI6IjczOCIsIkEiOjI1NSwiUiI6NTEsIkciOjMwLCJCIjoyOH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3MzkiLCJNYXJnaW4iOnsiJHJlZiI6IjE4MyJ9LCJQYWRkaW5nIjp7IiRyZWYiOiIxODQifSwiQmFja2dyb3VuZCI6eyIkaWQiOiI3NDAiLCJDb2xvciI6eyIkaWQiOiI3NDEiLCJBIjozOCwiUiI6MTY1LCJHIjoxNjUsIkIiOjE2NX19LCJJc1Zpc2libGUiOnRydWUsIldpZHRoIjowLjAsIkhlaWdodCI6MC4wLCJCb3JkZXJTdHlsZSI6eyIkaWQiOiI3NDIiLCJMaW5lQ29sb3IiOnsiJGlkIjoiNzQzIiwiJHR5cGUiOiJOTFJFLkNvbW1vbi5Eb20uU29saWRDb2xvckJydXNoLCBOTFJFLkNvbW1vbiIsIkNvbG9yIjp7IiRpZCI6Ijc0N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c1MSIsIkZvbnRTZXR0aW5ncyI6eyIkaWQiOiI3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NTMiLCJNYXJnaW4iOnsiJHJlZiI6IjIyNyJ9LCJQYWRkaW5nIjp7IiRyZWYiOiIyMjgifSwiQmFja2dyb3VuZCI6eyIkaWQiOiI3NTQiLCJDb2xvciI6eyIkaWQiOiI3NTUiLCJBIjoyNTUsIlIiOjE2NSwiRyI6MTY1LCJCIjoxNjV9fSwiSXNWaXNpYmxlIjp0cnVlLCJXaWR0aCI6MTMuMCwiSGVpZ2h0IjoxMy4wLCJCb3JkZXJTdHlsZSI6eyIkaWQiOiI3NTYiLCJMaW5lQ29sb3IiOm51bGwsIkxpbmVXZWlnaHQiOjAuMCwiTGluZVR5cGUiOjAsIlBhcmVudFN0eWxlIjpudWxsfSwiUGFyZW50U3R5bGUiOm51bGx9LCJEYXRlRm9ybWF0Ijp7IiRpZCI6Ijc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Y1IiwiRm9udFNldHRpbmdzIjp7IiRpZCI6Ijc2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SwiU2hhcGVTaXplIjoxLCJTaGFwZVN0eWxlIjp7IiRpZCI6Ijc2NyIsIk1hcmdpbiI6eyIkcmVmIjoiMjI3In0sIlBhZGRpbmciOnsiJHJlZiI6IjIyOCJ9LCJCYWNrZ3JvdW5kIjp7IiRpZCI6Ijc2OCIsIkNvbG9yIjp7IiRpZCI6Ijc2OSIsIkEiOjI1NSwiUiI6MTY1LCJHIjoxNjUsIkIiOjE2NX19LCJJc1Zpc2libGUiOnRydWUsIldpZHRoIjoxMy4wLCJIZWlnaHQiOjEzLjAsIkJvcmRlclN0eWxlIjp7IiRpZCI6Ijc3MCIsIkxpbmVDb2xvciI6bnVsbCwiTGluZVdlaWdodCI6MC4wLCJMaW5lVHlwZSI6MCwiUGFyZW50U3R5bGUiOm51bGx9LCJQYXJlbnRTdHlsZSI6bnVsbH0sIkRhdGVGb3JtYXQiOnsiJGlkIjoiNz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c5IiwiRm9udFNldHRpbmdzIjp7IiRpZCI6Ijc4MCIsIkZvbnRTaXplIjoxMCwiRm9udE5hbWUiOiJDYWxpYnJpIiwiSXNCb2xkIjpmYWxzZSwiSXNJdGFsaWMiOmZhbHNlLCJJc1VuZGVybGluZWQiOmZhbHNlLCJQYXJlbnRTdHlsZSI6bnVsbH0sIkF1dG9TaXplIjowLCJGb3JlZ3JvdW5kIjp7IiRpZCI6Ijc4MSIsIkNvbG9yIjp7IiRpZCI6Ijc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ODMiLCJNYXJnaW4iOnsiJHJlZiI6IjIyNyJ9LCJQYWRkaW5nIjp7IiRyZWYiOiIyMjgifSwiQmFja2dyb3VuZCI6eyIkaWQiOiI3ODQiLCJDb2xvciI6eyIkaWQiOiI3ODUiLCJBIjoyNTUsIlIiOjE2NSwiRyI6MTY1LCJCIjoxNjV9fSwiSXNWaXNpYmxlIjp0cnVlLCJXaWR0aCI6MTMuMCwiSGVpZ2h0IjoxMy4wLCJCb3JkZXJTdHlsZSI6eyIkaWQiOiI3ODYiLCJMaW5lQ29sb3IiOm51bGwsIkxpbmVXZWlnaHQiOjAuMCwiTGluZVR5cGUiOjAsIlBhcmVudFN0eWxlIjpudWxsfSwiUGFyZW50U3R5bGUiOm51bGx9LCJEYXRlRm9ybWF0Ijp7IiRpZCI6Ijc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4OCIsIkFkZHJlc3MiOiIiLCJTdWJBZGRyZXNzIjoiIn0sIkltcG9ydElkIjpudWxsfV19XSwiTXNQcm9qZWN0SXRlbXNUcmVlIjp7IiRpZCI6Ijc4OSIsIlJvb3QiOnsiSW1wb3J0SWQiOm51bGwsIklzSW1wb3J0ZWQiOmZhbHNlLCJDaGlsZHJlbiI6W119fSwiTWV0YWRhdGEiOnsiJGlkIjoiNzkwIiwiUmVjZW50Q29sb3JzQ29sbGVjdGlvbiI6IltdIn0sIlNldHRpbmdzIjp7IiRpZCI6Ijc5MSIsIkltcGFPcHRpb25zIjp7IiRpZCI6Ijc5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5My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8</Words>
  <Application>Microsoft Office PowerPoint</Application>
  <PresentationFormat>Widescreen</PresentationFormat>
  <Paragraphs>4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</vt:lpstr>
      <vt:lpstr>Segoe UI </vt:lpstr>
      <vt:lpstr>2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19-10-30T14:35:54Z</dcterms:modified>
</cp:coreProperties>
</file>